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980564\Desktop\08 届出関係\ホームページ\"/>
    </mc:Choice>
  </mc:AlternateContent>
  <bookViews>
    <workbookView xWindow="0" yWindow="0" windowWidth="15345" windowHeight="4485"/>
  </bookViews>
  <sheets>
    <sheet name="口座管理台帳" sheetId="1" r:id="rId1"/>
  </sheets>
  <definedNames>
    <definedName name="_xlnm.Print_Area" localSheetId="0">口座管理台帳!$A$1:$T$3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2" uniqueCount="26">
  <si>
    <t>日　　　時</t>
    <rPh sb="0" eb="1">
      <t>ヒ</t>
    </rPh>
    <rPh sb="4" eb="5">
      <t>トキ</t>
    </rPh>
    <phoneticPr fontId="1"/>
  </si>
  <si>
    <t>摘　　　要</t>
    <rPh sb="0" eb="1">
      <t>テキ</t>
    </rPh>
    <rPh sb="4" eb="5">
      <t>ヨウ</t>
    </rPh>
    <phoneticPr fontId="1"/>
  </si>
  <si>
    <t>千</t>
    <rPh sb="0" eb="1">
      <t>セン</t>
    </rPh>
    <phoneticPr fontId="1"/>
  </si>
  <si>
    <t>本人</t>
    <rPh sb="0" eb="2">
      <t>ホンニン</t>
    </rPh>
    <phoneticPr fontId="1"/>
  </si>
  <si>
    <t>出納担当１</t>
    <rPh sb="0" eb="2">
      <t>スイトウ</t>
    </rPh>
    <rPh sb="2" eb="4">
      <t>タントウ</t>
    </rPh>
    <phoneticPr fontId="1"/>
  </si>
  <si>
    <t>出納担当２</t>
    <rPh sb="0" eb="2">
      <t>スイトウ</t>
    </rPh>
    <rPh sb="2" eb="4">
      <t>タントウ</t>
    </rPh>
    <phoneticPr fontId="1"/>
  </si>
  <si>
    <t>　令和　　　年</t>
    <rPh sb="1" eb="3">
      <t>レイワ</t>
    </rPh>
    <rPh sb="6" eb="7">
      <t>ネン</t>
    </rPh>
    <phoneticPr fontId="1"/>
  </si>
  <si>
    <t>確 認 印</t>
    <rPh sb="0" eb="1">
      <t>アキラ</t>
    </rPh>
    <rPh sb="2" eb="3">
      <t>ニン</t>
    </rPh>
    <rPh sb="4" eb="5">
      <t>イン</t>
    </rPh>
    <phoneticPr fontId="1"/>
  </si>
  <si>
    <t>　入居者（本人）   　　　　　                        様　　</t>
    <rPh sb="1" eb="4">
      <t>ニュウキョシャ</t>
    </rPh>
    <rPh sb="5" eb="7">
      <t>ホンニン</t>
    </rPh>
    <rPh sb="40" eb="41">
      <t>サマ</t>
    </rPh>
    <phoneticPr fontId="1"/>
  </si>
  <si>
    <t>管理責任者
確認（月1回）</t>
    <rPh sb="0" eb="2">
      <t>カンリ</t>
    </rPh>
    <rPh sb="2" eb="4">
      <t>セキニン</t>
    </rPh>
    <rPh sb="4" eb="5">
      <t>シャ</t>
    </rPh>
    <rPh sb="6" eb="8">
      <t>カクニン</t>
    </rPh>
    <rPh sb="9" eb="10">
      <t>ツキ</t>
    </rPh>
    <rPh sb="11" eb="12">
      <t>カイ</t>
    </rPh>
    <phoneticPr fontId="1"/>
  </si>
  <si>
    <t xml:space="preserve">  預入れ　・　払出し　
・（　　　　　　　　　）</t>
    <rPh sb="2" eb="4">
      <t>アズケイ</t>
    </rPh>
    <rPh sb="8" eb="10">
      <t>ハライダ</t>
    </rPh>
    <phoneticPr fontId="1"/>
  </si>
  <si>
    <t>　／</t>
    <phoneticPr fontId="1"/>
  </si>
  <si>
    <t xml:space="preserve">  一時返却　・　再預託　
・（　　　　　　　　　）</t>
    <rPh sb="2" eb="4">
      <t>イチジ</t>
    </rPh>
    <rPh sb="4" eb="6">
      <t>ヘンキャク</t>
    </rPh>
    <rPh sb="9" eb="10">
      <t>サイ</t>
    </rPh>
    <rPh sb="10" eb="12">
      <t>ヨタク</t>
    </rPh>
    <phoneticPr fontId="1"/>
  </si>
  <si>
    <t>返却又は預託した物品</t>
    <rPh sb="0" eb="2">
      <t>ヘンキャク</t>
    </rPh>
    <rPh sb="2" eb="3">
      <t>マタ</t>
    </rPh>
    <rPh sb="4" eb="6">
      <t>ヨタク</t>
    </rPh>
    <rPh sb="8" eb="10">
      <t>ブッピン</t>
    </rPh>
    <phoneticPr fontId="1"/>
  </si>
  <si>
    <t>預貯金通帳　・キャッシュカード ・ 
届出印  ・ （　　           　 　   　　）</t>
    <phoneticPr fontId="1"/>
  </si>
  <si>
    <t>申 込 時 の 残 高</t>
    <rPh sb="0" eb="1">
      <t>サル</t>
    </rPh>
    <rPh sb="2" eb="3">
      <t>コ</t>
    </rPh>
    <rPh sb="4" eb="5">
      <t>ジ</t>
    </rPh>
    <rPh sb="8" eb="9">
      <t>ザン</t>
    </rPh>
    <rPh sb="10" eb="11">
      <t>タカ</t>
    </rPh>
    <phoneticPr fontId="1"/>
  </si>
  <si>
    <t>通帳  ・  利用明細  ・  銀行サイト</t>
    <rPh sb="0" eb="2">
      <t>ツウチョウ</t>
    </rPh>
    <rPh sb="7" eb="9">
      <t>リヨウ</t>
    </rPh>
    <rPh sb="9" eb="11">
      <t>メイサイ</t>
    </rPh>
    <rPh sb="16" eb="18">
      <t>ギンコウ</t>
    </rPh>
    <phoneticPr fontId="1"/>
  </si>
  <si>
    <t>　　月　　　日時点の残高</t>
    <rPh sb="2" eb="3">
      <t>ガツ</t>
    </rPh>
    <rPh sb="6" eb="7">
      <t>ニチ</t>
    </rPh>
    <rPh sb="7" eb="9">
      <t>ジテン</t>
    </rPh>
    <rPh sb="10" eb="12">
      <t>ザンダカ</t>
    </rPh>
    <phoneticPr fontId="1"/>
  </si>
  <si>
    <r>
      <rPr>
        <b/>
        <sz val="33"/>
        <color theme="1"/>
        <rFont val="ＭＳ Ｐゴシック"/>
        <family val="3"/>
        <charset val="128"/>
      </rPr>
      <t>口 座 管 理 台 帳</t>
    </r>
    <r>
      <rPr>
        <sz val="22"/>
        <color theme="1"/>
        <rFont val="ＭＳ Ｐゴシック"/>
        <family val="3"/>
        <charset val="128"/>
      </rPr>
      <t/>
    </r>
    <rPh sb="0" eb="1">
      <t>クチ</t>
    </rPh>
    <rPh sb="2" eb="3">
      <t>ザ</t>
    </rPh>
    <rPh sb="4" eb="5">
      <t>カン</t>
    </rPh>
    <rPh sb="6" eb="7">
      <t>リ</t>
    </rPh>
    <rPh sb="8" eb="9">
      <t>ダイ</t>
    </rPh>
    <rPh sb="10" eb="11">
      <t>トバリ</t>
    </rPh>
    <phoneticPr fontId="1"/>
  </si>
  <si>
    <t>管理物品（該当するものに○）：  　預貯金通帳　・　キャッシュカード　・　届出印　・　（　　　　　　　　　　　）・（　　　　　　　　　　　　　）</t>
    <phoneticPr fontId="1"/>
  </si>
  <si>
    <r>
      <rPr>
        <sz val="14"/>
        <color theme="1"/>
        <rFont val="ＭＳ Ｐゴシック"/>
        <family val="3"/>
        <charset val="128"/>
      </rPr>
      <t>預貯金口座　：　</t>
    </r>
    <r>
      <rPr>
        <u/>
        <sz val="14"/>
        <color theme="1"/>
        <rFont val="ＭＳ Ｐゴシック"/>
        <family val="3"/>
        <charset val="128"/>
      </rPr>
      <t>　　　　　　　　　　　　　　</t>
    </r>
    <r>
      <rPr>
        <sz val="14"/>
        <color theme="1"/>
        <rFont val="ＭＳ Ｐゴシック"/>
        <family val="3"/>
        <charset val="128"/>
      </rPr>
      <t>銀行</t>
    </r>
    <r>
      <rPr>
        <u/>
        <sz val="14"/>
        <color theme="1"/>
        <rFont val="ＭＳ Ｐゴシック"/>
        <family val="3"/>
        <charset val="128"/>
      </rPr>
      <t>　　　　　　　　　</t>
    </r>
    <r>
      <rPr>
        <sz val="14"/>
        <color theme="1"/>
        <rFont val="ＭＳ Ｐゴシック"/>
        <family val="3"/>
        <charset val="128"/>
      </rPr>
      <t>支店　</t>
    </r>
    <r>
      <rPr>
        <u/>
        <sz val="14"/>
        <color theme="1"/>
        <rFont val="ＭＳ Ｐゴシック"/>
        <family val="3"/>
        <charset val="128"/>
      </rPr>
      <t>普通</t>
    </r>
    <r>
      <rPr>
        <sz val="14"/>
        <color theme="1"/>
        <rFont val="ＭＳ Ｐゴシック"/>
        <family val="3"/>
        <charset val="128"/>
      </rPr>
      <t>　口座番号　</t>
    </r>
    <r>
      <rPr>
        <u/>
        <sz val="14"/>
        <color theme="1"/>
        <rFont val="ＭＳ Ｐゴシック"/>
        <family val="3"/>
        <charset val="128"/>
      </rPr>
      <t>　　　　　　　　　　　　　　　</t>
    </r>
    <r>
      <rPr>
        <sz val="14"/>
        <color theme="1"/>
        <rFont val="ＭＳ Ｐゴシック"/>
        <family val="3"/>
        <charset val="128"/>
      </rPr>
      <t>名義　　</t>
    </r>
    <r>
      <rPr>
        <u/>
        <sz val="14"/>
        <color theme="1"/>
        <rFont val="ＭＳ Ｐゴシック"/>
        <family val="3"/>
        <charset val="128"/>
      </rPr>
      <t>入居者本人</t>
    </r>
    <rPh sb="0" eb="3">
      <t>ヨチョキン</t>
    </rPh>
    <rPh sb="3" eb="5">
      <t>コウザ</t>
    </rPh>
    <rPh sb="22" eb="24">
      <t>ギンコウ</t>
    </rPh>
    <rPh sb="33" eb="35">
      <t>シテン</t>
    </rPh>
    <rPh sb="36" eb="38">
      <t>フツウ</t>
    </rPh>
    <rPh sb="39" eb="41">
      <t>コウザ</t>
    </rPh>
    <rPh sb="41" eb="43">
      <t>バンゴウ</t>
    </rPh>
    <rPh sb="59" eb="61">
      <t>メイギ</t>
    </rPh>
    <rPh sb="63" eb="66">
      <t>ニュウキョシャ</t>
    </rPh>
    <rPh sb="66" eb="68">
      <t>ホンニン</t>
    </rPh>
    <phoneticPr fontId="1"/>
  </si>
  <si>
    <t>　本人：　残高を確認の上、記載のとおり申込み、実施を受けました。
　出納担当：　記載のとおり実施しました。</t>
    <rPh sb="1" eb="3">
      <t>ホンニン</t>
    </rPh>
    <rPh sb="5" eb="7">
      <t>ザンダカ</t>
    </rPh>
    <rPh sb="8" eb="10">
      <t>カクニン</t>
    </rPh>
    <rPh sb="11" eb="12">
      <t>ウエ</t>
    </rPh>
    <rPh sb="13" eb="15">
      <t>キサイ</t>
    </rPh>
    <rPh sb="19" eb="21">
      <t>モウシコ</t>
    </rPh>
    <rPh sb="23" eb="25">
      <t>ジッシ</t>
    </rPh>
    <rPh sb="26" eb="27">
      <t>ウ</t>
    </rPh>
    <rPh sb="34" eb="36">
      <t>スイトウ</t>
    </rPh>
    <rPh sb="36" eb="38">
      <t>タントウ</t>
    </rPh>
    <rPh sb="40" eb="42">
      <t>キサイ</t>
    </rPh>
    <rPh sb="46" eb="48">
      <t>ジッシ</t>
    </rPh>
    <phoneticPr fontId="1"/>
  </si>
  <si>
    <t>備　　考</t>
    <rPh sb="0" eb="1">
      <t>ビ</t>
    </rPh>
    <rPh sb="3" eb="4">
      <t>コウ</t>
    </rPh>
    <phoneticPr fontId="1"/>
  </si>
  <si>
    <t>　 　 月　　　 日　　　 時</t>
    <rPh sb="14" eb="15">
      <t>トキ</t>
    </rPh>
    <phoneticPr fontId="1"/>
  </si>
  <si>
    <t>（金銭管理規程第３号様式）</t>
    <rPh sb="1" eb="3">
      <t>キンセン</t>
    </rPh>
    <rPh sb="3" eb="5">
      <t>カンリ</t>
    </rPh>
    <rPh sb="5" eb="7">
      <t>キテイ</t>
    </rPh>
    <rPh sb="7" eb="8">
      <t>ダイ</t>
    </rPh>
    <rPh sb="9" eb="10">
      <t>ゴウ</t>
    </rPh>
    <rPh sb="10" eb="12">
      <t>ヨウシキ</t>
    </rPh>
    <phoneticPr fontId="1"/>
  </si>
  <si>
    <t>無料低額宿泊所●●●●</t>
    <rPh sb="0" eb="2">
      <t>ムリョウ</t>
    </rPh>
    <rPh sb="2" eb="4">
      <t>テイガク</t>
    </rPh>
    <rPh sb="4" eb="6">
      <t>シュクハク</t>
    </rPh>
    <rPh sb="6" eb="7">
      <t>ジ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0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6"/>
      <color theme="1"/>
      <name val="ＭＳ Ｐゴシック"/>
      <family val="3"/>
      <charset val="128"/>
    </font>
    <font>
      <sz val="22"/>
      <color theme="1"/>
      <name val="ＭＳ Ｐゴシック"/>
      <family val="3"/>
      <charset val="128"/>
    </font>
    <font>
      <u/>
      <sz val="16"/>
      <color theme="1"/>
      <name val="ＭＳ Ｐゴシック"/>
      <family val="3"/>
      <charset val="128"/>
    </font>
    <font>
      <b/>
      <sz val="16"/>
      <color theme="1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sz val="6"/>
      <color theme="1" tint="0.249977111117893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sz val="18"/>
      <color theme="1"/>
      <name val="ＭＳ Ｐゴシック"/>
      <family val="3"/>
      <charset val="128"/>
    </font>
    <font>
      <u/>
      <sz val="13"/>
      <color theme="1"/>
      <name val="ＭＳ Ｐゴシック"/>
      <family val="3"/>
      <charset val="128"/>
    </font>
    <font>
      <sz val="13"/>
      <color theme="1"/>
      <name val="ＭＳ Ｐゴシック"/>
      <family val="3"/>
      <charset val="128"/>
    </font>
    <font>
      <sz val="33"/>
      <color theme="1"/>
      <name val="ＭＳ Ｐゴシック"/>
      <family val="3"/>
      <charset val="128"/>
    </font>
    <font>
      <b/>
      <sz val="33"/>
      <color theme="1"/>
      <name val="ＭＳ Ｐゴシック"/>
      <family val="3"/>
      <charset val="128"/>
    </font>
    <font>
      <u/>
      <sz val="14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66FF33"/>
        <bgColor indexed="64"/>
      </patternFill>
    </fill>
  </fills>
  <borders count="1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</borders>
  <cellStyleXfs count="1">
    <xf numFmtId="0" fontId="0" fillId="0" borderId="0">
      <alignment vertical="center"/>
    </xf>
  </cellStyleXfs>
  <cellXfs count="68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2" borderId="0" xfId="0" applyFont="1" applyFill="1" applyBorder="1">
      <alignment vertical="center"/>
    </xf>
    <xf numFmtId="0" fontId="9" fillId="0" borderId="0" xfId="0" applyFont="1" applyAlignment="1">
      <alignment horizontal="left"/>
    </xf>
    <xf numFmtId="0" fontId="6" fillId="2" borderId="8" xfId="0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9" fillId="0" borderId="0" xfId="0" applyFont="1" applyAlignment="1"/>
    <xf numFmtId="0" fontId="7" fillId="0" borderId="0" xfId="0" applyFont="1" applyAlignment="1"/>
    <xf numFmtId="0" fontId="3" fillId="2" borderId="9" xfId="0" applyFont="1" applyFill="1" applyBorder="1" applyAlignment="1">
      <alignment horizontal="center" vertical="center" wrapText="1"/>
    </xf>
    <xf numFmtId="0" fontId="5" fillId="2" borderId="2" xfId="0" applyFont="1" applyFill="1" applyBorder="1" applyAlignment="1">
      <alignment vertical="top" wrapText="1"/>
    </xf>
    <xf numFmtId="0" fontId="5" fillId="2" borderId="6" xfId="0" applyFont="1" applyFill="1" applyBorder="1" applyAlignment="1">
      <alignment vertical="top" wrapText="1"/>
    </xf>
    <xf numFmtId="0" fontId="3" fillId="2" borderId="10" xfId="0" applyFont="1" applyFill="1" applyBorder="1" applyAlignment="1">
      <alignment horizontal="center" vertical="center" wrapText="1"/>
    </xf>
    <xf numFmtId="0" fontId="5" fillId="2" borderId="3" xfId="0" applyFont="1" applyFill="1" applyBorder="1" applyAlignment="1">
      <alignment vertical="top" wrapText="1"/>
    </xf>
    <xf numFmtId="0" fontId="5" fillId="2" borderId="7" xfId="0" applyFont="1" applyFill="1" applyBorder="1" applyAlignment="1">
      <alignment vertical="top" wrapText="1"/>
    </xf>
    <xf numFmtId="0" fontId="10" fillId="2" borderId="5" xfId="0" applyFont="1" applyFill="1" applyBorder="1" applyAlignment="1">
      <alignment horizontal="center" vertical="center"/>
    </xf>
    <xf numFmtId="0" fontId="10" fillId="2" borderId="1" xfId="0" applyFont="1" applyFill="1" applyBorder="1" applyAlignment="1">
      <alignment horizontal="center" vertical="center"/>
    </xf>
    <xf numFmtId="0" fontId="6" fillId="2" borderId="3" xfId="0" applyFont="1" applyFill="1" applyBorder="1" applyAlignment="1">
      <alignment vertical="center"/>
    </xf>
    <xf numFmtId="0" fontId="6" fillId="2" borderId="2" xfId="0" applyFont="1" applyFill="1" applyBorder="1" applyAlignment="1">
      <alignment horizontal="left" vertical="center" wrapText="1"/>
    </xf>
    <xf numFmtId="0" fontId="3" fillId="2" borderId="9" xfId="0" applyFont="1" applyFill="1" applyBorder="1" applyAlignment="1">
      <alignment horizontal="center" vertical="center" wrapText="1"/>
    </xf>
    <xf numFmtId="0" fontId="3" fillId="2" borderId="10" xfId="0" applyFont="1" applyFill="1" applyBorder="1" applyAlignment="1">
      <alignment horizontal="center" vertical="center" wrapText="1"/>
    </xf>
    <xf numFmtId="0" fontId="13" fillId="0" borderId="0" xfId="0" applyFont="1" applyAlignment="1">
      <alignment horizontal="left" vertical="center"/>
    </xf>
    <xf numFmtId="0" fontId="8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0" fontId="15" fillId="0" borderId="0" xfId="0" applyFont="1" applyAlignment="1"/>
    <xf numFmtId="0" fontId="16" fillId="0" borderId="0" xfId="0" applyFont="1" applyAlignment="1">
      <alignment horizontal="left" vertical="center"/>
    </xf>
    <xf numFmtId="0" fontId="2" fillId="2" borderId="7" xfId="0" applyFont="1" applyFill="1" applyBorder="1" applyAlignment="1">
      <alignment horizontal="center" vertical="center" wrapText="1"/>
    </xf>
    <xf numFmtId="0" fontId="13" fillId="2" borderId="6" xfId="0" applyFont="1" applyFill="1" applyBorder="1" applyAlignment="1">
      <alignment horizontal="center" vertical="center" wrapText="1"/>
    </xf>
    <xf numFmtId="0" fontId="19" fillId="0" borderId="0" xfId="0" applyFont="1" applyAlignment="1"/>
    <xf numFmtId="0" fontId="13" fillId="0" borderId="0" xfId="0" applyFont="1" applyAlignment="1">
      <alignment horizontal="left"/>
    </xf>
    <xf numFmtId="0" fontId="5" fillId="0" borderId="15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7" fillId="0" borderId="14" xfId="0" applyFont="1" applyBorder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11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14" fillId="0" borderId="2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2" fillId="2" borderId="11" xfId="0" applyFont="1" applyFill="1" applyBorder="1" applyAlignment="1">
      <alignment horizontal="center" vertical="center" wrapText="1"/>
    </xf>
    <xf numFmtId="0" fontId="2" fillId="2" borderId="12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 wrapText="1"/>
    </xf>
    <xf numFmtId="0" fontId="3" fillId="2" borderId="12" xfId="0" applyFont="1" applyFill="1" applyBorder="1" applyAlignment="1">
      <alignment horizontal="center" vertical="center" wrapText="1"/>
    </xf>
    <xf numFmtId="0" fontId="3" fillId="2" borderId="9" xfId="0" applyFont="1" applyFill="1" applyBorder="1" applyAlignment="1">
      <alignment horizontal="center" vertical="center" wrapText="1"/>
    </xf>
    <xf numFmtId="0" fontId="3" fillId="2" borderId="10" xfId="0" applyFont="1" applyFill="1" applyBorder="1" applyAlignment="1">
      <alignment horizontal="center" vertical="center" wrapText="1"/>
    </xf>
    <xf numFmtId="0" fontId="12" fillId="2" borderId="9" xfId="0" applyFont="1" applyFill="1" applyBorder="1" applyAlignment="1">
      <alignment horizontal="right" wrapText="1"/>
    </xf>
    <xf numFmtId="0" fontId="12" fillId="2" borderId="10" xfId="0" applyFont="1" applyFill="1" applyBorder="1" applyAlignment="1">
      <alignment horizontal="right" wrapText="1"/>
    </xf>
    <xf numFmtId="0" fontId="3" fillId="2" borderId="6" xfId="0" applyFont="1" applyFill="1" applyBorder="1" applyAlignment="1">
      <alignment horizontal="center" vertical="center" wrapText="1"/>
    </xf>
    <xf numFmtId="0" fontId="3" fillId="2" borderId="7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2" fillId="2" borderId="3" xfId="0" applyFont="1" applyFill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13" fillId="0" borderId="2" xfId="0" applyFont="1" applyBorder="1" applyAlignment="1">
      <alignment horizontal="center" vertical="center" wrapText="1"/>
    </xf>
    <xf numFmtId="0" fontId="13" fillId="0" borderId="4" xfId="0" applyFont="1" applyBorder="1" applyAlignment="1">
      <alignment horizontal="center" vertical="center"/>
    </xf>
    <xf numFmtId="0" fontId="13" fillId="0" borderId="3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17" fillId="3" borderId="0" xfId="0" applyFont="1" applyFill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13" fillId="0" borderId="16" xfId="0" applyFont="1" applyBorder="1" applyAlignment="1">
      <alignment horizontal="left" vertical="center" wrapText="1"/>
    </xf>
    <xf numFmtId="0" fontId="13" fillId="0" borderId="17" xfId="0" applyFont="1" applyBorder="1" applyAlignment="1">
      <alignment horizontal="left" vertical="center"/>
    </xf>
    <xf numFmtId="0" fontId="13" fillId="0" borderId="18" xfId="0" applyFont="1" applyBorder="1" applyAlignment="1">
      <alignment horizontal="left" vertical="center"/>
    </xf>
    <xf numFmtId="0" fontId="7" fillId="0" borderId="0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66FF33"/>
      <color rgb="FFE7E6E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2</xdr:row>
      <xdr:rowOff>54429</xdr:rowOff>
    </xdr:from>
    <xdr:to>
      <xdr:col>3</xdr:col>
      <xdr:colOff>1143000</xdr:colOff>
      <xdr:row>4</xdr:row>
      <xdr:rowOff>81643</xdr:rowOff>
    </xdr:to>
    <xdr:sp macro="" textlink="">
      <xdr:nvSpPr>
        <xdr:cNvPr id="2" name="角丸四角形 1"/>
        <xdr:cNvSpPr/>
      </xdr:nvSpPr>
      <xdr:spPr>
        <a:xfrm>
          <a:off x="489857" y="789215"/>
          <a:ext cx="4204607" cy="816428"/>
        </a:xfrm>
        <a:prstGeom prst="roundRect">
          <a:avLst>
            <a:gd name="adj" fmla="val 0"/>
          </a:avLst>
        </a:prstGeom>
        <a:noFill/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6</xdr:col>
      <xdr:colOff>2735035</xdr:colOff>
      <xdr:row>2</xdr:row>
      <xdr:rowOff>285751</xdr:rowOff>
    </xdr:from>
    <xdr:to>
      <xdr:col>18</xdr:col>
      <xdr:colOff>1119869</xdr:colOff>
      <xdr:row>4</xdr:row>
      <xdr:rowOff>40823</xdr:rowOff>
    </xdr:to>
    <xdr:sp macro="" textlink="">
      <xdr:nvSpPr>
        <xdr:cNvPr id="3" name="角丸四角形 2"/>
        <xdr:cNvSpPr/>
      </xdr:nvSpPr>
      <xdr:spPr>
        <a:xfrm>
          <a:off x="15457714" y="870858"/>
          <a:ext cx="1582512" cy="544286"/>
        </a:xfrm>
        <a:prstGeom prst="roundRect">
          <a:avLst>
            <a:gd name="adj" fmla="val 0"/>
          </a:avLst>
        </a:prstGeom>
        <a:noFill/>
        <a:ln w="25400">
          <a:solidFill>
            <a:schemeClr val="dk1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en-US" altLang="ja-JP" sz="2400"/>
            <a:t>No.</a:t>
          </a:r>
          <a:r>
            <a:rPr kumimoji="1" lang="en-US" altLang="ja-JP" sz="2400" u="sng"/>
            <a:t>                     </a:t>
          </a:r>
          <a:r>
            <a:rPr kumimoji="1" lang="en-US" altLang="ja-JP" sz="2400"/>
            <a:t>   </a:t>
          </a:r>
          <a:endParaRPr kumimoji="1" lang="ja-JP" altLang="en-US" sz="24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S32"/>
  <sheetViews>
    <sheetView showGridLines="0" tabSelected="1" showRuler="0" view="pageBreakPreview" zoomScale="70" zoomScaleNormal="80" zoomScaleSheetLayoutView="70" zoomScalePageLayoutView="80" workbookViewId="0">
      <selection activeCell="Y11" sqref="Y11"/>
    </sheetView>
  </sheetViews>
  <sheetFormatPr defaultRowHeight="13.5" x14ac:dyDescent="0.4"/>
  <cols>
    <col min="1" max="1" width="6.375" style="1" customWidth="1"/>
    <col min="2" max="2" width="20.75" style="1" customWidth="1"/>
    <col min="3" max="3" width="19.5" style="1" customWidth="1"/>
    <col min="4" max="4" width="28" style="1" customWidth="1"/>
    <col min="5" max="12" width="4.375" style="1" customWidth="1"/>
    <col min="13" max="13" width="27.875" style="1" customWidth="1"/>
    <col min="14" max="16" width="9.625" style="1" customWidth="1"/>
    <col min="17" max="17" width="39.625" style="1" customWidth="1"/>
    <col min="18" max="18" width="2.375" style="2" customWidth="1"/>
    <col min="19" max="19" width="14.875" style="1" customWidth="1"/>
    <col min="20" max="20" width="2.125" style="1" customWidth="1"/>
    <col min="21" max="16384" width="9" style="1"/>
  </cols>
  <sheetData>
    <row r="1" spans="2:19" s="34" customFormat="1" ht="20.25" customHeight="1" x14ac:dyDescent="0.4">
      <c r="B1" s="33" t="s">
        <v>24</v>
      </c>
      <c r="S1" s="32" t="s">
        <v>25</v>
      </c>
    </row>
    <row r="2" spans="2:19" ht="37.5" customHeight="1" x14ac:dyDescent="0.4">
      <c r="B2" s="58" t="s">
        <v>18</v>
      </c>
      <c r="C2" s="58"/>
      <c r="D2" s="58"/>
      <c r="E2" s="58"/>
      <c r="F2" s="58"/>
      <c r="G2" s="58"/>
      <c r="H2" s="58"/>
      <c r="I2" s="58"/>
      <c r="J2" s="58"/>
      <c r="K2" s="58"/>
      <c r="L2" s="58"/>
      <c r="M2" s="58"/>
      <c r="N2" s="58"/>
      <c r="O2" s="58"/>
      <c r="P2" s="58"/>
      <c r="Q2" s="58"/>
      <c r="R2" s="58"/>
      <c r="S2" s="58"/>
    </row>
    <row r="3" spans="2:19" ht="30.75" customHeight="1" x14ac:dyDescent="0.2">
      <c r="B3" s="21"/>
      <c r="C3" s="22"/>
      <c r="D3" s="22"/>
      <c r="E3" s="27" t="s">
        <v>20</v>
      </c>
      <c r="F3" s="23"/>
      <c r="G3" s="22"/>
      <c r="H3" s="22"/>
      <c r="I3" s="22"/>
      <c r="J3" s="22"/>
      <c r="K3" s="22"/>
      <c r="L3" s="23"/>
      <c r="M3" s="23"/>
      <c r="N3" s="22"/>
      <c r="O3" s="22"/>
      <c r="P3" s="22"/>
      <c r="Q3" s="22"/>
      <c r="R3" s="22"/>
      <c r="S3" s="22"/>
    </row>
    <row r="4" spans="2:19" ht="30.75" customHeight="1" x14ac:dyDescent="0.2">
      <c r="B4" s="7" t="s">
        <v>8</v>
      </c>
      <c r="C4" s="6"/>
      <c r="D4" s="6"/>
      <c r="E4" s="28" t="s">
        <v>19</v>
      </c>
      <c r="F4" s="24"/>
      <c r="G4" s="6"/>
      <c r="H4" s="6"/>
      <c r="I4" s="6"/>
      <c r="J4" s="6"/>
      <c r="K4" s="6"/>
      <c r="L4" s="24"/>
      <c r="M4" s="24"/>
      <c r="N4" s="6"/>
      <c r="O4" s="6"/>
      <c r="P4" s="6"/>
      <c r="Q4" s="6"/>
      <c r="R4" s="6"/>
      <c r="S4" s="6"/>
    </row>
    <row r="5" spans="2:19" ht="12" customHeight="1" x14ac:dyDescent="0.2">
      <c r="B5" s="3"/>
      <c r="C5" s="3"/>
      <c r="D5" s="3"/>
      <c r="E5" s="3"/>
      <c r="F5" s="3"/>
      <c r="G5" s="3"/>
      <c r="H5" s="3"/>
      <c r="I5" s="3"/>
      <c r="J5" s="3"/>
      <c r="K5" s="3"/>
      <c r="L5" s="20"/>
      <c r="M5" s="20"/>
      <c r="N5" s="3"/>
      <c r="O5" s="3"/>
      <c r="P5" s="3"/>
      <c r="Q5" s="3"/>
      <c r="R5" s="3"/>
      <c r="S5" s="3"/>
    </row>
    <row r="6" spans="2:19" ht="25.5" customHeight="1" x14ac:dyDescent="0.4">
      <c r="B6" s="51" t="s">
        <v>0</v>
      </c>
      <c r="C6" s="49" t="s">
        <v>1</v>
      </c>
      <c r="D6" s="51" t="s">
        <v>13</v>
      </c>
      <c r="E6" s="49" t="s">
        <v>15</v>
      </c>
      <c r="F6" s="56"/>
      <c r="G6" s="56"/>
      <c r="H6" s="56"/>
      <c r="I6" s="56"/>
      <c r="J6" s="56"/>
      <c r="K6" s="56"/>
      <c r="L6" s="56"/>
      <c r="M6" s="57"/>
      <c r="N6" s="49" t="s">
        <v>7</v>
      </c>
      <c r="O6" s="56"/>
      <c r="P6" s="56"/>
      <c r="Q6" s="57"/>
      <c r="R6" s="4"/>
      <c r="S6" s="53" t="s">
        <v>9</v>
      </c>
    </row>
    <row r="7" spans="2:19" ht="51" customHeight="1" x14ac:dyDescent="0.4">
      <c r="B7" s="52"/>
      <c r="C7" s="50"/>
      <c r="D7" s="52"/>
      <c r="E7" s="50"/>
      <c r="F7" s="63"/>
      <c r="G7" s="63"/>
      <c r="H7" s="63"/>
      <c r="I7" s="63"/>
      <c r="J7" s="63"/>
      <c r="K7" s="63"/>
      <c r="L7" s="63"/>
      <c r="M7" s="64"/>
      <c r="N7" s="60" t="s">
        <v>21</v>
      </c>
      <c r="O7" s="61"/>
      <c r="P7" s="61"/>
      <c r="Q7" s="62"/>
      <c r="R7" s="4"/>
      <c r="S7" s="54"/>
    </row>
    <row r="8" spans="2:19" ht="25.5" customHeight="1" x14ac:dyDescent="0.4">
      <c r="B8" s="52"/>
      <c r="C8" s="50"/>
      <c r="D8" s="59"/>
      <c r="E8" s="65"/>
      <c r="F8" s="66"/>
      <c r="G8" s="66"/>
      <c r="H8" s="66"/>
      <c r="I8" s="66"/>
      <c r="J8" s="66"/>
      <c r="K8" s="66"/>
      <c r="L8" s="66"/>
      <c r="M8" s="67"/>
      <c r="N8" s="29" t="s">
        <v>3</v>
      </c>
      <c r="O8" s="29" t="s">
        <v>4</v>
      </c>
      <c r="P8" s="30" t="s">
        <v>5</v>
      </c>
      <c r="Q8" s="31" t="s">
        <v>22</v>
      </c>
      <c r="R8" s="4"/>
      <c r="S8" s="55"/>
    </row>
    <row r="9" spans="2:19" ht="27.75" customHeight="1" x14ac:dyDescent="0.4">
      <c r="B9" s="17" t="s">
        <v>6</v>
      </c>
      <c r="C9" s="37" t="s">
        <v>12</v>
      </c>
      <c r="D9" s="47" t="s">
        <v>14</v>
      </c>
      <c r="E9" s="39"/>
      <c r="F9" s="8"/>
      <c r="G9" s="41"/>
      <c r="H9" s="43"/>
      <c r="I9" s="43" t="s">
        <v>2</v>
      </c>
      <c r="J9" s="41"/>
      <c r="K9" s="41"/>
      <c r="L9" s="45"/>
      <c r="M9" s="26" t="s">
        <v>17</v>
      </c>
      <c r="N9" s="9"/>
      <c r="O9" s="9"/>
      <c r="P9" s="10"/>
      <c r="Q9" s="14"/>
      <c r="R9" s="4"/>
      <c r="S9" s="35" t="s">
        <v>11</v>
      </c>
    </row>
    <row r="10" spans="2:19" ht="27.75" customHeight="1" x14ac:dyDescent="0.4">
      <c r="B10" s="16" t="s">
        <v>23</v>
      </c>
      <c r="C10" s="38"/>
      <c r="D10" s="48"/>
      <c r="E10" s="40"/>
      <c r="F10" s="11"/>
      <c r="G10" s="42"/>
      <c r="H10" s="44"/>
      <c r="I10" s="44"/>
      <c r="J10" s="42"/>
      <c r="K10" s="42"/>
      <c r="L10" s="46"/>
      <c r="M10" s="25" t="s">
        <v>16</v>
      </c>
      <c r="N10" s="12"/>
      <c r="O10" s="12"/>
      <c r="P10" s="13"/>
      <c r="Q10" s="15"/>
      <c r="R10" s="5"/>
      <c r="S10" s="36"/>
    </row>
    <row r="11" spans="2:19" ht="27.75" customHeight="1" x14ac:dyDescent="0.4">
      <c r="B11" s="17"/>
      <c r="C11" s="37" t="s">
        <v>10</v>
      </c>
      <c r="D11" s="47" t="s">
        <v>14</v>
      </c>
      <c r="E11" s="39"/>
      <c r="F11" s="18"/>
      <c r="G11" s="41"/>
      <c r="H11" s="43"/>
      <c r="I11" s="43" t="s">
        <v>2</v>
      </c>
      <c r="J11" s="41"/>
      <c r="K11" s="41"/>
      <c r="L11" s="45"/>
      <c r="M11" s="26" t="s">
        <v>17</v>
      </c>
      <c r="N11" s="9"/>
      <c r="O11" s="9"/>
      <c r="P11" s="10"/>
      <c r="Q11" s="14"/>
      <c r="R11" s="4"/>
      <c r="S11" s="35" t="s">
        <v>11</v>
      </c>
    </row>
    <row r="12" spans="2:19" ht="27.75" customHeight="1" x14ac:dyDescent="0.4">
      <c r="B12" s="16" t="s">
        <v>23</v>
      </c>
      <c r="C12" s="38"/>
      <c r="D12" s="48"/>
      <c r="E12" s="40"/>
      <c r="F12" s="19"/>
      <c r="G12" s="42"/>
      <c r="H12" s="44"/>
      <c r="I12" s="44"/>
      <c r="J12" s="42"/>
      <c r="K12" s="42"/>
      <c r="L12" s="46"/>
      <c r="M12" s="25" t="s">
        <v>16</v>
      </c>
      <c r="N12" s="12"/>
      <c r="O12" s="12"/>
      <c r="P12" s="13"/>
      <c r="Q12" s="15"/>
      <c r="R12" s="5"/>
      <c r="S12" s="36"/>
    </row>
    <row r="13" spans="2:19" ht="27.75" customHeight="1" x14ac:dyDescent="0.4">
      <c r="B13" s="17"/>
      <c r="C13" s="37" t="s">
        <v>10</v>
      </c>
      <c r="D13" s="47" t="s">
        <v>14</v>
      </c>
      <c r="E13" s="39"/>
      <c r="F13" s="18"/>
      <c r="G13" s="41"/>
      <c r="H13" s="43"/>
      <c r="I13" s="43" t="s">
        <v>2</v>
      </c>
      <c r="J13" s="41"/>
      <c r="K13" s="41"/>
      <c r="L13" s="45"/>
      <c r="M13" s="26" t="s">
        <v>17</v>
      </c>
      <c r="N13" s="9"/>
      <c r="O13" s="9"/>
      <c r="P13" s="10"/>
      <c r="Q13" s="14"/>
      <c r="R13" s="4"/>
      <c r="S13" s="35" t="s">
        <v>11</v>
      </c>
    </row>
    <row r="14" spans="2:19" ht="27.75" customHeight="1" x14ac:dyDescent="0.4">
      <c r="B14" s="16" t="s">
        <v>23</v>
      </c>
      <c r="C14" s="38"/>
      <c r="D14" s="48"/>
      <c r="E14" s="40"/>
      <c r="F14" s="19"/>
      <c r="G14" s="42"/>
      <c r="H14" s="44"/>
      <c r="I14" s="44"/>
      <c r="J14" s="42"/>
      <c r="K14" s="42"/>
      <c r="L14" s="46"/>
      <c r="M14" s="25" t="s">
        <v>16</v>
      </c>
      <c r="N14" s="12"/>
      <c r="O14" s="12"/>
      <c r="P14" s="13"/>
      <c r="Q14" s="15"/>
      <c r="R14" s="5"/>
      <c r="S14" s="36"/>
    </row>
    <row r="15" spans="2:19" ht="27.75" customHeight="1" x14ac:dyDescent="0.4">
      <c r="B15" s="17"/>
      <c r="C15" s="37" t="s">
        <v>10</v>
      </c>
      <c r="D15" s="47" t="s">
        <v>14</v>
      </c>
      <c r="E15" s="39"/>
      <c r="F15" s="18"/>
      <c r="G15" s="41"/>
      <c r="H15" s="43"/>
      <c r="I15" s="43" t="s">
        <v>2</v>
      </c>
      <c r="J15" s="41"/>
      <c r="K15" s="41"/>
      <c r="L15" s="45"/>
      <c r="M15" s="26" t="s">
        <v>17</v>
      </c>
      <c r="N15" s="9"/>
      <c r="O15" s="9"/>
      <c r="P15" s="10"/>
      <c r="Q15" s="14"/>
      <c r="R15" s="4"/>
      <c r="S15" s="35" t="s">
        <v>11</v>
      </c>
    </row>
    <row r="16" spans="2:19" ht="27.75" customHeight="1" x14ac:dyDescent="0.4">
      <c r="B16" s="16" t="s">
        <v>23</v>
      </c>
      <c r="C16" s="38"/>
      <c r="D16" s="48"/>
      <c r="E16" s="40"/>
      <c r="F16" s="19"/>
      <c r="G16" s="42"/>
      <c r="H16" s="44"/>
      <c r="I16" s="44"/>
      <c r="J16" s="42"/>
      <c r="K16" s="42"/>
      <c r="L16" s="46"/>
      <c r="M16" s="25" t="s">
        <v>16</v>
      </c>
      <c r="N16" s="12"/>
      <c r="O16" s="12"/>
      <c r="P16" s="13"/>
      <c r="Q16" s="15"/>
      <c r="R16" s="5"/>
      <c r="S16" s="36"/>
    </row>
    <row r="17" spans="2:19" ht="27.75" customHeight="1" x14ac:dyDescent="0.4">
      <c r="B17" s="17"/>
      <c r="C17" s="37" t="s">
        <v>10</v>
      </c>
      <c r="D17" s="47" t="s">
        <v>14</v>
      </c>
      <c r="E17" s="39"/>
      <c r="F17" s="18"/>
      <c r="G17" s="41"/>
      <c r="H17" s="43"/>
      <c r="I17" s="43" t="s">
        <v>2</v>
      </c>
      <c r="J17" s="41"/>
      <c r="K17" s="41"/>
      <c r="L17" s="45"/>
      <c r="M17" s="26" t="s">
        <v>17</v>
      </c>
      <c r="N17" s="9"/>
      <c r="O17" s="9"/>
      <c r="P17" s="10"/>
      <c r="Q17" s="14"/>
      <c r="R17" s="4"/>
      <c r="S17" s="35" t="s">
        <v>11</v>
      </c>
    </row>
    <row r="18" spans="2:19" ht="27.75" customHeight="1" x14ac:dyDescent="0.4">
      <c r="B18" s="16" t="s">
        <v>23</v>
      </c>
      <c r="C18" s="38"/>
      <c r="D18" s="48"/>
      <c r="E18" s="40"/>
      <c r="F18" s="19"/>
      <c r="G18" s="42"/>
      <c r="H18" s="44"/>
      <c r="I18" s="44"/>
      <c r="J18" s="42"/>
      <c r="K18" s="42"/>
      <c r="L18" s="46"/>
      <c r="M18" s="25" t="s">
        <v>16</v>
      </c>
      <c r="N18" s="12"/>
      <c r="O18" s="12"/>
      <c r="P18" s="13"/>
      <c r="Q18" s="15"/>
      <c r="R18" s="5"/>
      <c r="S18" s="36"/>
    </row>
    <row r="19" spans="2:19" ht="27.75" customHeight="1" x14ac:dyDescent="0.4">
      <c r="B19" s="17"/>
      <c r="C19" s="37" t="s">
        <v>10</v>
      </c>
      <c r="D19" s="47" t="s">
        <v>14</v>
      </c>
      <c r="E19" s="39"/>
      <c r="F19" s="18"/>
      <c r="G19" s="41"/>
      <c r="H19" s="43"/>
      <c r="I19" s="43" t="s">
        <v>2</v>
      </c>
      <c r="J19" s="41"/>
      <c r="K19" s="41"/>
      <c r="L19" s="45"/>
      <c r="M19" s="26" t="s">
        <v>17</v>
      </c>
      <c r="N19" s="9"/>
      <c r="O19" s="9"/>
      <c r="P19" s="10"/>
      <c r="Q19" s="14"/>
      <c r="R19" s="4"/>
      <c r="S19" s="35" t="s">
        <v>11</v>
      </c>
    </row>
    <row r="20" spans="2:19" ht="27.75" customHeight="1" x14ac:dyDescent="0.4">
      <c r="B20" s="16" t="s">
        <v>23</v>
      </c>
      <c r="C20" s="38"/>
      <c r="D20" s="48"/>
      <c r="E20" s="40"/>
      <c r="F20" s="19"/>
      <c r="G20" s="42"/>
      <c r="H20" s="44"/>
      <c r="I20" s="44"/>
      <c r="J20" s="42"/>
      <c r="K20" s="42"/>
      <c r="L20" s="46"/>
      <c r="M20" s="25" t="s">
        <v>16</v>
      </c>
      <c r="N20" s="12"/>
      <c r="O20" s="12"/>
      <c r="P20" s="13"/>
      <c r="Q20" s="15"/>
      <c r="R20" s="5"/>
      <c r="S20" s="36"/>
    </row>
    <row r="21" spans="2:19" ht="27.75" customHeight="1" x14ac:dyDescent="0.4">
      <c r="B21" s="17"/>
      <c r="C21" s="37" t="s">
        <v>10</v>
      </c>
      <c r="D21" s="47" t="s">
        <v>14</v>
      </c>
      <c r="E21" s="39"/>
      <c r="F21" s="18"/>
      <c r="G21" s="41"/>
      <c r="H21" s="43"/>
      <c r="I21" s="43" t="s">
        <v>2</v>
      </c>
      <c r="J21" s="41"/>
      <c r="K21" s="41"/>
      <c r="L21" s="45"/>
      <c r="M21" s="26" t="s">
        <v>17</v>
      </c>
      <c r="N21" s="9"/>
      <c r="O21" s="9"/>
      <c r="P21" s="10"/>
      <c r="Q21" s="14"/>
      <c r="R21" s="4"/>
      <c r="S21" s="35" t="s">
        <v>11</v>
      </c>
    </row>
    <row r="22" spans="2:19" ht="27.75" customHeight="1" x14ac:dyDescent="0.4">
      <c r="B22" s="16" t="s">
        <v>23</v>
      </c>
      <c r="C22" s="38"/>
      <c r="D22" s="48"/>
      <c r="E22" s="40"/>
      <c r="F22" s="19"/>
      <c r="G22" s="42"/>
      <c r="H22" s="44"/>
      <c r="I22" s="44"/>
      <c r="J22" s="42"/>
      <c r="K22" s="42"/>
      <c r="L22" s="46"/>
      <c r="M22" s="25" t="s">
        <v>16</v>
      </c>
      <c r="N22" s="12"/>
      <c r="O22" s="12"/>
      <c r="P22" s="13"/>
      <c r="Q22" s="15"/>
      <c r="R22" s="5"/>
      <c r="S22" s="36"/>
    </row>
    <row r="23" spans="2:19" ht="27.75" customHeight="1" x14ac:dyDescent="0.4">
      <c r="B23" s="17"/>
      <c r="C23" s="37" t="s">
        <v>10</v>
      </c>
      <c r="D23" s="47" t="s">
        <v>14</v>
      </c>
      <c r="E23" s="39"/>
      <c r="F23" s="18"/>
      <c r="G23" s="41"/>
      <c r="H23" s="43"/>
      <c r="I23" s="43" t="s">
        <v>2</v>
      </c>
      <c r="J23" s="41"/>
      <c r="K23" s="41"/>
      <c r="L23" s="45"/>
      <c r="M23" s="26" t="s">
        <v>17</v>
      </c>
      <c r="N23" s="9"/>
      <c r="O23" s="9"/>
      <c r="P23" s="10"/>
      <c r="Q23" s="14"/>
      <c r="R23" s="4"/>
      <c r="S23" s="35" t="s">
        <v>11</v>
      </c>
    </row>
    <row r="24" spans="2:19" ht="27.75" customHeight="1" x14ac:dyDescent="0.4">
      <c r="B24" s="16" t="s">
        <v>23</v>
      </c>
      <c r="C24" s="38"/>
      <c r="D24" s="48"/>
      <c r="E24" s="40"/>
      <c r="F24" s="19"/>
      <c r="G24" s="42"/>
      <c r="H24" s="44"/>
      <c r="I24" s="44"/>
      <c r="J24" s="42"/>
      <c r="K24" s="42"/>
      <c r="L24" s="46"/>
      <c r="M24" s="25" t="s">
        <v>16</v>
      </c>
      <c r="N24" s="12"/>
      <c r="O24" s="12"/>
      <c r="P24" s="13"/>
      <c r="Q24" s="15"/>
      <c r="R24" s="5"/>
      <c r="S24" s="36"/>
    </row>
    <row r="25" spans="2:19" ht="27.75" customHeight="1" x14ac:dyDescent="0.4">
      <c r="B25" s="17"/>
      <c r="C25" s="37" t="s">
        <v>10</v>
      </c>
      <c r="D25" s="47" t="s">
        <v>14</v>
      </c>
      <c r="E25" s="39"/>
      <c r="F25" s="18"/>
      <c r="G25" s="41"/>
      <c r="H25" s="43"/>
      <c r="I25" s="43" t="s">
        <v>2</v>
      </c>
      <c r="J25" s="41"/>
      <c r="K25" s="41"/>
      <c r="L25" s="45"/>
      <c r="M25" s="26" t="s">
        <v>17</v>
      </c>
      <c r="N25" s="9"/>
      <c r="O25" s="9"/>
      <c r="P25" s="10"/>
      <c r="Q25" s="14"/>
      <c r="R25" s="4"/>
      <c r="S25" s="35" t="s">
        <v>11</v>
      </c>
    </row>
    <row r="26" spans="2:19" ht="27.75" customHeight="1" x14ac:dyDescent="0.4">
      <c r="B26" s="16" t="s">
        <v>23</v>
      </c>
      <c r="C26" s="38"/>
      <c r="D26" s="48"/>
      <c r="E26" s="40"/>
      <c r="F26" s="19"/>
      <c r="G26" s="42"/>
      <c r="H26" s="44"/>
      <c r="I26" s="44"/>
      <c r="J26" s="42"/>
      <c r="K26" s="42"/>
      <c r="L26" s="46"/>
      <c r="M26" s="25" t="s">
        <v>16</v>
      </c>
      <c r="N26" s="12"/>
      <c r="O26" s="12"/>
      <c r="P26" s="13"/>
      <c r="Q26" s="15"/>
      <c r="R26" s="5"/>
      <c r="S26" s="36"/>
    </row>
    <row r="27" spans="2:19" ht="27.75" customHeight="1" x14ac:dyDescent="0.4">
      <c r="B27" s="17"/>
      <c r="C27" s="37" t="s">
        <v>10</v>
      </c>
      <c r="D27" s="47" t="s">
        <v>14</v>
      </c>
      <c r="E27" s="39"/>
      <c r="F27" s="18"/>
      <c r="G27" s="41"/>
      <c r="H27" s="43"/>
      <c r="I27" s="43" t="s">
        <v>2</v>
      </c>
      <c r="J27" s="41"/>
      <c r="K27" s="41"/>
      <c r="L27" s="45"/>
      <c r="M27" s="26" t="s">
        <v>17</v>
      </c>
      <c r="N27" s="9"/>
      <c r="O27" s="9"/>
      <c r="P27" s="10"/>
      <c r="Q27" s="14"/>
      <c r="R27" s="4"/>
      <c r="S27" s="35" t="s">
        <v>11</v>
      </c>
    </row>
    <row r="28" spans="2:19" ht="27.75" customHeight="1" x14ac:dyDescent="0.4">
      <c r="B28" s="16" t="s">
        <v>23</v>
      </c>
      <c r="C28" s="38"/>
      <c r="D28" s="48"/>
      <c r="E28" s="40"/>
      <c r="F28" s="19"/>
      <c r="G28" s="42"/>
      <c r="H28" s="44"/>
      <c r="I28" s="44"/>
      <c r="J28" s="42"/>
      <c r="K28" s="42"/>
      <c r="L28" s="46"/>
      <c r="M28" s="25" t="s">
        <v>16</v>
      </c>
      <c r="N28" s="12"/>
      <c r="O28" s="12"/>
      <c r="P28" s="13"/>
      <c r="Q28" s="15"/>
      <c r="R28" s="5"/>
      <c r="S28" s="36"/>
    </row>
    <row r="29" spans="2:19" ht="27.75" customHeight="1" x14ac:dyDescent="0.4">
      <c r="B29" s="17"/>
      <c r="C29" s="37" t="s">
        <v>10</v>
      </c>
      <c r="D29" s="47" t="s">
        <v>14</v>
      </c>
      <c r="E29" s="39"/>
      <c r="F29" s="18"/>
      <c r="G29" s="41"/>
      <c r="H29" s="43"/>
      <c r="I29" s="43" t="s">
        <v>2</v>
      </c>
      <c r="J29" s="41"/>
      <c r="K29" s="41"/>
      <c r="L29" s="45"/>
      <c r="M29" s="26" t="s">
        <v>17</v>
      </c>
      <c r="N29" s="9"/>
      <c r="O29" s="9"/>
      <c r="P29" s="10"/>
      <c r="Q29" s="14"/>
      <c r="R29" s="4"/>
      <c r="S29" s="35" t="s">
        <v>11</v>
      </c>
    </row>
    <row r="30" spans="2:19" ht="27.75" customHeight="1" x14ac:dyDescent="0.4">
      <c r="B30" s="16" t="s">
        <v>23</v>
      </c>
      <c r="C30" s="38"/>
      <c r="D30" s="48"/>
      <c r="E30" s="40"/>
      <c r="F30" s="19"/>
      <c r="G30" s="42"/>
      <c r="H30" s="44"/>
      <c r="I30" s="44"/>
      <c r="J30" s="42"/>
      <c r="K30" s="42"/>
      <c r="L30" s="46"/>
      <c r="M30" s="25" t="s">
        <v>16</v>
      </c>
      <c r="N30" s="12"/>
      <c r="O30" s="12"/>
      <c r="P30" s="13"/>
      <c r="Q30" s="15"/>
      <c r="R30" s="5"/>
      <c r="S30" s="36"/>
    </row>
    <row r="31" spans="2:19" ht="27.75" customHeight="1" x14ac:dyDescent="0.4">
      <c r="B31" s="17"/>
      <c r="C31" s="37" t="s">
        <v>10</v>
      </c>
      <c r="D31" s="47" t="s">
        <v>14</v>
      </c>
      <c r="E31" s="39"/>
      <c r="F31" s="18"/>
      <c r="G31" s="41"/>
      <c r="H31" s="43"/>
      <c r="I31" s="43" t="s">
        <v>2</v>
      </c>
      <c r="J31" s="41"/>
      <c r="K31" s="41"/>
      <c r="L31" s="45"/>
      <c r="M31" s="26" t="s">
        <v>17</v>
      </c>
      <c r="N31" s="9"/>
      <c r="O31" s="9"/>
      <c r="P31" s="10"/>
      <c r="Q31" s="14"/>
      <c r="R31" s="4"/>
      <c r="S31" s="35" t="s">
        <v>11</v>
      </c>
    </row>
    <row r="32" spans="2:19" ht="27.75" customHeight="1" x14ac:dyDescent="0.4">
      <c r="B32" s="16" t="s">
        <v>23</v>
      </c>
      <c r="C32" s="38"/>
      <c r="D32" s="48"/>
      <c r="E32" s="40"/>
      <c r="F32" s="19"/>
      <c r="G32" s="42"/>
      <c r="H32" s="44"/>
      <c r="I32" s="44"/>
      <c r="J32" s="42"/>
      <c r="K32" s="42"/>
      <c r="L32" s="46"/>
      <c r="M32" s="25" t="s">
        <v>16</v>
      </c>
      <c r="N32" s="12"/>
      <c r="O32" s="12"/>
      <c r="P32" s="13"/>
      <c r="Q32" s="15"/>
      <c r="R32" s="5"/>
      <c r="S32" s="36"/>
    </row>
  </sheetData>
  <mergeCells count="128">
    <mergeCell ref="B2:S2"/>
    <mergeCell ref="K11:K12"/>
    <mergeCell ref="L11:L12"/>
    <mergeCell ref="C9:C10"/>
    <mergeCell ref="S11:S12"/>
    <mergeCell ref="C13:C14"/>
    <mergeCell ref="S13:S14"/>
    <mergeCell ref="C15:C16"/>
    <mergeCell ref="E15:E16"/>
    <mergeCell ref="G15:G16"/>
    <mergeCell ref="H15:H16"/>
    <mergeCell ref="I15:I16"/>
    <mergeCell ref="J15:J16"/>
    <mergeCell ref="K15:K16"/>
    <mergeCell ref="L15:L16"/>
    <mergeCell ref="S15:S16"/>
    <mergeCell ref="D6:D8"/>
    <mergeCell ref="N7:Q7"/>
    <mergeCell ref="D9:D10"/>
    <mergeCell ref="K13:K14"/>
    <mergeCell ref="L13:L14"/>
    <mergeCell ref="D11:D12"/>
    <mergeCell ref="D13:D14"/>
    <mergeCell ref="D15:D16"/>
    <mergeCell ref="S9:S10"/>
    <mergeCell ref="S6:S8"/>
    <mergeCell ref="C11:C12"/>
    <mergeCell ref="E11:E12"/>
    <mergeCell ref="G11:G12"/>
    <mergeCell ref="H11:H12"/>
    <mergeCell ref="I11:I12"/>
    <mergeCell ref="J11:J12"/>
    <mergeCell ref="N6:Q6"/>
    <mergeCell ref="E6:M8"/>
    <mergeCell ref="C6:C8"/>
    <mergeCell ref="B6:B8"/>
    <mergeCell ref="E13:E14"/>
    <mergeCell ref="G13:G14"/>
    <mergeCell ref="H13:H14"/>
    <mergeCell ref="I13:I14"/>
    <mergeCell ref="J13:J14"/>
    <mergeCell ref="L9:L10"/>
    <mergeCell ref="K9:K10"/>
    <mergeCell ref="J9:J10"/>
    <mergeCell ref="I9:I10"/>
    <mergeCell ref="H9:H10"/>
    <mergeCell ref="G9:G10"/>
    <mergeCell ref="E9:E10"/>
    <mergeCell ref="C17:C18"/>
    <mergeCell ref="E17:E18"/>
    <mergeCell ref="G17:G18"/>
    <mergeCell ref="H17:H18"/>
    <mergeCell ref="I17:I18"/>
    <mergeCell ref="J17:J18"/>
    <mergeCell ref="K17:K18"/>
    <mergeCell ref="L17:L18"/>
    <mergeCell ref="S17:S18"/>
    <mergeCell ref="D17:D18"/>
    <mergeCell ref="C19:C20"/>
    <mergeCell ref="E19:E20"/>
    <mergeCell ref="G19:G20"/>
    <mergeCell ref="H19:H20"/>
    <mergeCell ref="I19:I20"/>
    <mergeCell ref="J19:J20"/>
    <mergeCell ref="K19:K20"/>
    <mergeCell ref="L19:L20"/>
    <mergeCell ref="S19:S20"/>
    <mergeCell ref="D19:D20"/>
    <mergeCell ref="C21:C22"/>
    <mergeCell ref="E21:E22"/>
    <mergeCell ref="G21:G22"/>
    <mergeCell ref="H21:H22"/>
    <mergeCell ref="I21:I22"/>
    <mergeCell ref="J21:J22"/>
    <mergeCell ref="K21:K22"/>
    <mergeCell ref="L21:L22"/>
    <mergeCell ref="S21:S22"/>
    <mergeCell ref="D21:D22"/>
    <mergeCell ref="C23:C24"/>
    <mergeCell ref="S23:S24"/>
    <mergeCell ref="C25:C26"/>
    <mergeCell ref="E25:E26"/>
    <mergeCell ref="G25:G26"/>
    <mergeCell ref="H25:H26"/>
    <mergeCell ref="I25:I26"/>
    <mergeCell ref="J25:J26"/>
    <mergeCell ref="K25:K26"/>
    <mergeCell ref="L25:L26"/>
    <mergeCell ref="S25:S26"/>
    <mergeCell ref="D23:D24"/>
    <mergeCell ref="D25:D26"/>
    <mergeCell ref="L23:L24"/>
    <mergeCell ref="E23:E24"/>
    <mergeCell ref="G23:G24"/>
    <mergeCell ref="H23:H24"/>
    <mergeCell ref="I23:I24"/>
    <mergeCell ref="J23:J24"/>
    <mergeCell ref="K23:K24"/>
    <mergeCell ref="C27:C28"/>
    <mergeCell ref="E27:E28"/>
    <mergeCell ref="G27:G28"/>
    <mergeCell ref="H27:H28"/>
    <mergeCell ref="I27:I28"/>
    <mergeCell ref="J27:J28"/>
    <mergeCell ref="K27:K28"/>
    <mergeCell ref="L27:L28"/>
    <mergeCell ref="S27:S28"/>
    <mergeCell ref="D27:D28"/>
    <mergeCell ref="S29:S30"/>
    <mergeCell ref="C31:C32"/>
    <mergeCell ref="E31:E32"/>
    <mergeCell ref="G31:G32"/>
    <mergeCell ref="H31:H32"/>
    <mergeCell ref="I31:I32"/>
    <mergeCell ref="J31:J32"/>
    <mergeCell ref="K31:K32"/>
    <mergeCell ref="L31:L32"/>
    <mergeCell ref="D29:D30"/>
    <mergeCell ref="D31:D32"/>
    <mergeCell ref="C29:C30"/>
    <mergeCell ref="E29:E30"/>
    <mergeCell ref="G29:G30"/>
    <mergeCell ref="H29:H30"/>
    <mergeCell ref="I29:I30"/>
    <mergeCell ref="J29:J30"/>
    <mergeCell ref="K29:K30"/>
    <mergeCell ref="L29:L30"/>
    <mergeCell ref="S31:S32"/>
  </mergeCells>
  <phoneticPr fontId="1"/>
  <pageMargins left="0.31496062992125984" right="0.11811023622047245" top="0.55118110236220474" bottom="0.11811023622047245" header="0.31496062992125984" footer="0.31496062992125984"/>
  <pageSetup paperSize="9" scale="58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口座管理台帳</vt:lpstr>
      <vt:lpstr>口座管理台帳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460.山本　雄児</cp:lastModifiedBy>
  <cp:lastPrinted>2020-03-03T05:25:02Z</cp:lastPrinted>
  <dcterms:created xsi:type="dcterms:W3CDTF">2018-01-05T08:28:31Z</dcterms:created>
  <dcterms:modified xsi:type="dcterms:W3CDTF">2020-03-19T05:24:10Z</dcterms:modified>
</cp:coreProperties>
</file>